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CDA0471D-0B05-402A-AAB5-512E6EF82321}" xr6:coauthVersionLast="45" xr6:coauthVersionMax="45" xr10:uidLastSave="{00000000-0000-0000-0000-000000000000}"/>
  <bookViews>
    <workbookView xWindow="1720" yWindow="31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21" uniqueCount="174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ปทุมธานี</t>
  </si>
  <si>
    <t>ร้อยเอ็ด</t>
  </si>
  <si>
    <t>น่าน</t>
  </si>
  <si>
    <t>เชียงใหม่</t>
  </si>
  <si>
    <t>กลุ่มอาชีพผู้สูงอายุตำบลบ้านทุ่ม</t>
  </si>
  <si>
    <t>นางเยาวเรศ  พูนจิตร</t>
  </si>
  <si>
    <t>คุณวาฟา  มะซอ</t>
  </si>
  <si>
    <t>นายปริญญา    สุวรรณศรี</t>
  </si>
  <si>
    <t xml:space="preserve">143 หมู่ 12 ตำบลเจริญสุข  อำเภอเฉลิมพระเกียรติ  จังหวัดบุรีรัมย์  </t>
  </si>
  <si>
    <t>บุรีรัมย์</t>
  </si>
  <si>
    <t>นครศรีธรรมราช</t>
  </si>
  <si>
    <t>นครราชสีมา</t>
  </si>
  <si>
    <t>อำนาจเจริญ</t>
  </si>
  <si>
    <t>นราธิวาส</t>
  </si>
  <si>
    <t>ลำปาง</t>
  </si>
  <si>
    <t>ขอนแก่น</t>
  </si>
  <si>
    <t>095-618-6438</t>
  </si>
  <si>
    <t>062-684-5428</t>
  </si>
  <si>
    <t>OTOP บ้านห้วยทราย &amp; กาแฟสด</t>
  </si>
  <si>
    <t>ชุมชนดีมีรอยยิ้มควนขนุน</t>
  </si>
  <si>
    <t>นายอานนท์  ขำแก้ว</t>
  </si>
  <si>
    <t>พัทลุง</t>
  </si>
  <si>
    <t>a.khamkaew2@gmail.com</t>
  </si>
  <si>
    <t>วิสาหกิจชุมชนแฟชั่นมัดย้อม Colourful</t>
  </si>
  <si>
    <t>นางมีนา  สีสอาด</t>
  </si>
  <si>
    <t xml:space="preserve">201/382 ซอย 5 หมู่ที่ 1การเคหะเมืองใหม่บางพลี  ตำบลบางเสาธง  อำเภอบางเสาธง  จังหวัดสมุทรปราการ </t>
  </si>
  <si>
    <t xml:space="preserve">     080-995-4105     </t>
  </si>
  <si>
    <t>สมุทรปราการ</t>
  </si>
  <si>
    <t>0809954105</t>
  </si>
  <si>
    <t>แฟชั่นมัดย้อมColourful</t>
  </si>
  <si>
    <t>วิสาหกิจชุมชนกลุ่มน้ำมอญแจ้ช้อน</t>
  </si>
  <si>
    <t xml:space="preserve">วิสาหกิจชุมชนกลุ่มแม่บ้านเกษตรกรบ้านคืมมะอุ-สวนหม่อน </t>
  </si>
  <si>
    <t xml:space="preserve">วิสาหกิจชุมชนนาแปลงใหญ่บ้านธรรมเถียร  </t>
  </si>
  <si>
    <t>นางธัญทิพย์  จิรวัชรวรพงค์</t>
  </si>
  <si>
    <t>คุณสุทธิพร  บุตรปะสะ</t>
  </si>
  <si>
    <t>นางสาวนุชนารถ  พรหมชัยนันท์</t>
  </si>
  <si>
    <t xml:space="preserve">147 หมู่ 2 ตำบลแจ้ช้อน  อำเภอเมืองปาน  จังหวัดลำปาง147 หมู่ 2 ตำบลแจ้ช้อน  อำเภอเมืองปาน  จังหวัดลำปาง	</t>
  </si>
  <si>
    <t>62/1  หมู่ที่ 3  ตำบลหนองหว้า  อำเภอกิ่งอำเภอบัวลาย  จังหวัดนครราชสีมา</t>
  </si>
  <si>
    <t xml:space="preserve">191 หมู่ที่ 8 ถนน ตำบลพนางตุง อำเภอควนขนุน จังหวัดพัทลุง </t>
  </si>
  <si>
    <t xml:space="preserve"> 097-007-4244,089-526-6071,082-574-6650</t>
  </si>
  <si>
    <t xml:space="preserve">  093-623-2494    </t>
  </si>
  <si>
    <t>061-668-9428</t>
  </si>
  <si>
    <t xml:space="preserve">086-284-5874 </t>
  </si>
  <si>
    <t>098-341-4569</t>
  </si>
  <si>
    <t>อุบลราชธานี</t>
  </si>
  <si>
    <t>กลุ่มอาชีพสตรีทอผ้าฝ้าย-ไหม(ภูอัคนี)</t>
  </si>
  <si>
    <t>วิสาหกิจชุมชน คตตอนดีไซน์</t>
  </si>
  <si>
    <t xml:space="preserve">ชุมชนบ้านบัวก๋อ </t>
  </si>
  <si>
    <t xml:space="preserve">กลุ่มหัตถกรรมจักสานไทเลย </t>
  </si>
  <si>
    <t>ผลิตภัณฑ์ผ้าฝ้ายทอมือ กลุ่มทอผ้าบ้านห้วยทราย</t>
  </si>
  <si>
    <t>วิสาหกิจชุมชน พรมเช็ดเท้า จังหวัด สุรินทร์</t>
  </si>
  <si>
    <t>สหกรณ์กองทุนสวนยางบ้านบางทอง จำกัด</t>
  </si>
  <si>
    <t xml:space="preserve">บ้านแสนสุขสกัดห้า </t>
  </si>
  <si>
    <t xml:space="preserve">'วิสาหกิจชุมชนกลุ่มข้าวอินทรีย์อำเภอสระใคร   </t>
  </si>
  <si>
    <t>กลุ่มสตรีสหกรณ์บ้านชะอวด</t>
  </si>
  <si>
    <t>ผกาฝ้าย</t>
  </si>
  <si>
    <t xml:space="preserve">ศูนย์ส่งเสริมวิสาหกิจชุมชนบ้านถลุงเหล็ก </t>
  </si>
  <si>
    <t>วิสาหกิจชุมชนกลุ่มแปรรูปข้าวกล้องงอก</t>
  </si>
  <si>
    <t>วิสาหกิจชุมชนฝ้ายทอง</t>
  </si>
  <si>
    <t>วิสาหกิจชุมชนผู้ปลูกและแปรรูปกาแฟบ้านป่าเหมี้ยง</t>
  </si>
  <si>
    <t>วิสาหกิจชุมชนกลุ่มแปรรูปข้าวและผลไม้น่าน</t>
  </si>
  <si>
    <t>วิสาหกิจชุมชนกลุ่มผลิตและแปรรูปไหมอีรี่ออร์แกนิคอำนาจเจริญ</t>
  </si>
  <si>
    <t>วิสาหกิจชุมชนเรือนไม้หอม</t>
  </si>
  <si>
    <t>วิสาหกิจชุมชน มั่นคง มั่งคั่ง ยั่งยืน</t>
  </si>
  <si>
    <t>วิสาหกิจชุมชนแม่อำนวยปลาสลิดบางบ่อ</t>
  </si>
  <si>
    <t>ชุมชนบ้านศาลาดิน</t>
  </si>
  <si>
    <t>วิสาหกิจชุมชนตำบลดอนตูม</t>
  </si>
  <si>
    <t>นางกัลยารัตน์  เชื้อสิงห์</t>
  </si>
  <si>
    <t>นางบัวพันธ์  บำรุงแนว</t>
  </si>
  <si>
    <t>คุณณัญรดา  แก้วชมภู</t>
  </si>
  <si>
    <t xml:space="preserve">นายชัชวาลย์ บุสยาตรัส </t>
  </si>
  <si>
    <t>คุณพัชลี  ศรีเพชร</t>
  </si>
  <si>
    <t>กำนันทองสุข   สีลิด</t>
  </si>
  <si>
    <t>คุณกุหลาบ  คำผาสุข</t>
  </si>
  <si>
    <t>นางพิรมย์ ทองรุ่ง</t>
  </si>
  <si>
    <t>คุณปรียาภรณ์  บุตรสุริย์</t>
  </si>
  <si>
    <t>คุณไพศาล ผาจันดา</t>
  </si>
  <si>
    <t>คุณนันทา ปรายจิตเนตร</t>
  </si>
  <si>
    <t>คุณแน็ต</t>
  </si>
  <si>
    <t>นายคมสันต์  จันทร์งาม</t>
  </si>
  <si>
    <t>คุณกบ</t>
  </si>
  <si>
    <t>นางสาวกฤษณา เจริญสุข</t>
  </si>
  <si>
    <t>คุณนุ้ย</t>
  </si>
  <si>
    <t>คุณศิวะพร  นาคเกิด</t>
  </si>
  <si>
    <t>คุณวันชัย สวัสดิ์แดง</t>
  </si>
  <si>
    <t>นายประยงค์ วงษ์สกุล</t>
  </si>
  <si>
    <t xml:space="preserve">49 หมู่ที่ 5 ตำบลนาผือ  อำเภอเมือง จังหวัดอำนาจเจริญ  </t>
  </si>
  <si>
    <t xml:space="preserve">46/197  ม.4 ซอยกำนันวิรัตน์  ถนนปทุม-ลาดหลุมแก้ว  ตำบลบางเตย อำเภอสามโคก จังหวัดปทุมธานี </t>
  </si>
  <si>
    <t xml:space="preserve">บ้านบัวก๋อ  204  ม. 2 ตำบลท่าสวรรค์  อำเภอนาด้วง  จังหวัดเลย  </t>
  </si>
  <si>
    <t>50 หมู่ 1 ตำบลหนองหญ้าปล้อง อำเภอวังสะพุง จังหวัดเลย</t>
  </si>
  <si>
    <t xml:space="preserve">204 บ้านห้วยทราย ม.5 ถนนเชียงใหม่ฮอด ตำบลบ้านแปะ อำเภอจอมทอง จังหวัดเชียงใหม่ </t>
  </si>
  <si>
    <t xml:space="preserve">233 ม.1 ตำบลตรึม อำเภอศีรขรภูมิ จังหวัดสุรินทร์ </t>
  </si>
  <si>
    <t xml:space="preserve">14/5 หมู่ 2 ตำบลบางทอง  อำเภอท้ายเมือง จังหวัดพังงา  </t>
  </si>
  <si>
    <t xml:space="preserve">บ้านแสนสุขสกัดห้า  หมู่5 ตำบลบึงกาสาม อำเภอหนองเสือ จังหวัดปทุมธานี </t>
  </si>
  <si>
    <t xml:space="preserve">1709 หมู่ 4 ตำบลสระใคร อำเภอสระใคร จังหวัดหนองคาย </t>
  </si>
  <si>
    <t xml:space="preserve">201 ไร่เนิน หมู่ 4 ตำบลท่าเสม็ด อำเภอชะอวด จังหวัดนครศรีธรรมราช </t>
  </si>
  <si>
    <t xml:space="preserve">20 หมู่ที่ 7 บ้านบุ่งเลิศเหนือ	ตำบลบุ่งเลิศ  อำเภอเมยวดี	จังหวัดร้อยเอ็ด	</t>
  </si>
  <si>
    <t xml:space="preserve">37 หมู่ 7 ศูนย์ส่งเสริมวิสาหกิจชุมชนบ้านถลุงเหล็ก อำเภอแแวงใหญ่  จังหวัดขอนแก่น	</t>
  </si>
  <si>
    <t xml:space="preserve">417/1 หมู่ 12 บ้านทุ่ม ตำบลบ้านทุ่ม  อำเภอเมือง  จังหวัดขอนแก่น 	</t>
  </si>
  <si>
    <t>201 หมู่ที่ 9  ตำบลโพนทอง	อำเภอเมือง  จังหวัดชัยภูมิ</t>
  </si>
  <si>
    <t xml:space="preserve">123 หมู่ 8  ตำบลนาเรือง  อำเภอนาเยีย	  จังหวัดอุบลราชธานี  </t>
  </si>
  <si>
    <t xml:space="preserve">ป่าเหมี้ยง คอฟฟี่ 179 ม.7 ตำบลแจ้ซ้อน อำเภอเมือง จังหวัดลำปาง </t>
  </si>
  <si>
    <t xml:space="preserve">  55 หมู่ 6 ตำบลบ่อแก้ว  อำเภอนาหมื่น จังหวัดน่าน </t>
  </si>
  <si>
    <t xml:space="preserve"> 64/1 ม. 6 บ้านภูเขาขาม ตำบลคึมใหญ่ อำเภอเมือง จังหวัดอำนาจเจริญ     </t>
  </si>
  <si>
    <t xml:space="preserve">36/1 ม.3 ต.บางจะเกร็ง อ.มือง จ.สมุทรสงคราม </t>
  </si>
  <si>
    <t>22/14 หมู่ที่ 6 ตำบลปาเสมัส อำเภอสุไหงโก-ลก  จังหวัดนราธิวาส</t>
  </si>
  <si>
    <t xml:space="preserve"> 246 ม.12 ถ.สุขุมวิท-สายเก่า  ต.คลองด่าน อ.บางบ่อ จ.สมุทรปราการ </t>
  </si>
  <si>
    <t xml:space="preserve">58/2 หมู่ 3 บ้านศาลาดิน ตำบลมหาสวัสดิ์ อำเภอพุทธมณฑล จังหวัดนครปฐม </t>
  </si>
  <si>
    <t xml:space="preserve">110 หมู่ 6 ตำบลดอนตูม อำเภอบางเลน จังหวัดนครปฐม </t>
  </si>
  <si>
    <t>เลย</t>
  </si>
  <si>
    <t>สุรินทร์</t>
  </si>
  <si>
    <t>พังงา</t>
  </si>
  <si>
    <t>หนองคาย</t>
  </si>
  <si>
    <t>ชัยภูมิ</t>
  </si>
  <si>
    <t>สมุทรสงคราม</t>
  </si>
  <si>
    <t>นครปฐม</t>
  </si>
  <si>
    <t>089-184-7450</t>
  </si>
  <si>
    <t>084-882-6375,090-230-6675</t>
  </si>
  <si>
    <t>089-966-8602</t>
  </si>
  <si>
    <t>064-698-5298</t>
  </si>
  <si>
    <t xml:space="preserve">086-009-9057 </t>
  </si>
  <si>
    <t>083-181-4100 ,076-484131</t>
  </si>
  <si>
    <t xml:space="preserve">089-082-5346  </t>
  </si>
  <si>
    <t>090-256-7784 (คุณกุหลาบ) , 085-451-3734 (คุณโจ้)</t>
  </si>
  <si>
    <t>089-588-6193 , 087 882 8731</t>
  </si>
  <si>
    <t>084-828-7202 ,081-055-1031</t>
  </si>
  <si>
    <t>091-548-0657</t>
  </si>
  <si>
    <t>082-203-2795</t>
  </si>
  <si>
    <t>087-695-8633 ( คุณแน๊ต) , 083-748-7859 (คุณทองคูณ)</t>
  </si>
  <si>
    <t>082-172-4661</t>
  </si>
  <si>
    <t>093-138-7625 (กบ) , 095-686-2558 (อ้อย)</t>
  </si>
  <si>
    <t xml:space="preserve">089-843-2167 </t>
  </si>
  <si>
    <t>086-8082808 , 034-769919</t>
  </si>
  <si>
    <t>089-870-3550 , 094-003-6227 (คุณวาฟา)</t>
  </si>
  <si>
    <t>090-4152038</t>
  </si>
  <si>
    <t>081-4986340, 034-297099</t>
  </si>
  <si>
    <t>086-160-1393
086-1064556</t>
  </si>
  <si>
    <t>0891847450</t>
  </si>
  <si>
    <t>0899668602</t>
  </si>
  <si>
    <t>0646985298</t>
  </si>
  <si>
    <t>@NammornDesign</t>
  </si>
  <si>
    <t>085-451-3734</t>
  </si>
  <si>
    <t>Kung0898703550</t>
  </si>
  <si>
    <t>ชัชวาลย์ บุสยาตรัส</t>
  </si>
  <si>
    <t>Nammorn Design ผ้าฝ้ายทอมือย้อมสีธรรมชาติ</t>
  </si>
  <si>
    <t>ผ้าฝ้าย ทอมือ ผกาฝ้าย</t>
  </si>
  <si>
    <t>วันเพ็ญไหมไทย</t>
  </si>
  <si>
    <t>Zhan coffee ซานคอฟฟี่</t>
  </si>
  <si>
    <t>Phu Rice</t>
  </si>
  <si>
    <t>ภูอีรี่ออแกนิคอำนาจเจริญ</t>
  </si>
  <si>
    <t>เรือนไม้หอม ผู้ผลิตและจำหน่าย สินค้าสมุนไพร ใหญ่ที่สุดในจังหวัดสมุทรสงคราม</t>
  </si>
  <si>
    <t>ฮานา ซามา น้ำพริกแห้ง Hana Sama</t>
  </si>
  <si>
    <t>แม่อำนวย ปลาสลิดบางบ่อ</t>
  </si>
  <si>
    <t>บ้านศาลาดิน วิถีชุมชน คนคลองมหาสวัสดิ์</t>
  </si>
  <si>
    <t>ประยงค์ วงษ์สกุล</t>
  </si>
  <si>
    <t>nammorn@gmail.com</t>
  </si>
  <si>
    <t>patchalee2009@hotmail.com</t>
  </si>
  <si>
    <t>wanpenthaisilk@gmail.com</t>
  </si>
  <si>
    <t>Ruenmaihom@hotmail.com</t>
  </si>
  <si>
    <t xml:space="preserve">
prilin1967@gmail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4" tint="0.39997558519241921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13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1" fillId="4" borderId="0" xfId="0" applyNumberFormat="1" applyFont="1" applyFill="1" applyAlignment="1">
      <alignment vertical="top" wrapText="1"/>
    </xf>
    <xf numFmtId="0" fontId="2" fillId="4" borderId="5" xfId="0" applyNumberFormat="1" applyFont="1" applyFill="1" applyBorder="1" applyAlignment="1">
      <alignment vertical="center" wrapText="1"/>
    </xf>
    <xf numFmtId="0" fontId="2" fillId="4" borderId="5" xfId="0" quotePrefix="1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32"/>
  <sheetViews>
    <sheetView showGridLines="0" tabSelected="1" topLeftCell="A31" workbookViewId="0">
      <selection activeCell="I11" sqref="I11"/>
    </sheetView>
  </sheetViews>
  <sheetFormatPr defaultColWidth="16.36328125" defaultRowHeight="19.899999999999999" customHeight="1"/>
  <cols>
    <col min="1" max="1" width="64.453125" style="4" bestFit="1" customWidth="1"/>
    <col min="2" max="2" width="20.36328125" style="4" bestFit="1" customWidth="1"/>
    <col min="3" max="3" width="36.453125" style="4" bestFit="1" customWidth="1"/>
    <col min="4" max="4" width="121.7265625" style="4" bestFit="1" customWidth="1"/>
    <col min="5" max="8" width="16.36328125" style="4" customWidth="1"/>
    <col min="9" max="9" width="85.81640625" style="4" bestFit="1" customWidth="1"/>
    <col min="10" max="10" width="34.54296875" style="4" bestFit="1" customWidth="1"/>
    <col min="11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s="10" customFormat="1" ht="19.899999999999999" customHeight="1">
      <c r="A4" s="9" t="s">
        <v>59</v>
      </c>
      <c r="B4" s="10" t="s">
        <v>13</v>
      </c>
      <c r="C4" s="9" t="s">
        <v>47</v>
      </c>
      <c r="D4" s="11" t="s">
        <v>22</v>
      </c>
      <c r="E4" s="9">
        <v>31110</v>
      </c>
      <c r="F4" s="11" t="s">
        <v>23</v>
      </c>
      <c r="G4" s="9" t="s">
        <v>53</v>
      </c>
      <c r="H4" s="9"/>
      <c r="I4" s="9"/>
      <c r="J4" s="9"/>
    </row>
    <row r="5" spans="1:11" s="10" customFormat="1" ht="19.899999999999999" customHeight="1">
      <c r="A5" s="9" t="s">
        <v>19</v>
      </c>
      <c r="B5" s="10" t="s">
        <v>13</v>
      </c>
      <c r="C5" s="9" t="s">
        <v>81</v>
      </c>
      <c r="D5" s="11" t="s">
        <v>100</v>
      </c>
      <c r="E5" s="9">
        <v>37000</v>
      </c>
      <c r="F5" s="11" t="s">
        <v>26</v>
      </c>
      <c r="G5" s="9" t="s">
        <v>30</v>
      </c>
      <c r="H5" s="9"/>
      <c r="I5" s="9"/>
      <c r="J5" s="9"/>
    </row>
    <row r="6" spans="1:11" s="10" customFormat="1" ht="19.899999999999999" customHeight="1">
      <c r="A6" s="9" t="s">
        <v>60</v>
      </c>
      <c r="B6" s="10" t="s">
        <v>13</v>
      </c>
      <c r="C6" s="9"/>
      <c r="D6" s="11" t="s">
        <v>101</v>
      </c>
      <c r="E6" s="9">
        <v>12160</v>
      </c>
      <c r="F6" s="11" t="s">
        <v>14</v>
      </c>
      <c r="G6" s="9" t="s">
        <v>130</v>
      </c>
      <c r="H6" s="12" t="s">
        <v>151</v>
      </c>
      <c r="I6" s="9"/>
      <c r="J6" s="9"/>
    </row>
    <row r="7" spans="1:11" s="10" customFormat="1" ht="19.899999999999999" customHeight="1">
      <c r="A7" s="9" t="s">
        <v>61</v>
      </c>
      <c r="B7" s="10" t="s">
        <v>13</v>
      </c>
      <c r="C7" s="9" t="s">
        <v>82</v>
      </c>
      <c r="D7" s="11" t="s">
        <v>102</v>
      </c>
      <c r="E7" s="9">
        <v>42210</v>
      </c>
      <c r="F7" s="11" t="s">
        <v>123</v>
      </c>
      <c r="G7" s="9" t="s">
        <v>131</v>
      </c>
      <c r="H7" s="9"/>
      <c r="I7" s="9"/>
      <c r="J7" s="9"/>
    </row>
    <row r="8" spans="1:11" s="10" customFormat="1" ht="19.899999999999999" customHeight="1">
      <c r="A8" s="9" t="s">
        <v>62</v>
      </c>
      <c r="B8" s="10" t="s">
        <v>13</v>
      </c>
      <c r="C8" s="9"/>
      <c r="D8" s="11" t="s">
        <v>103</v>
      </c>
      <c r="E8" s="9">
        <v>42130</v>
      </c>
      <c r="F8" s="11" t="s">
        <v>123</v>
      </c>
      <c r="G8" s="9" t="s">
        <v>132</v>
      </c>
      <c r="H8" s="12" t="s">
        <v>152</v>
      </c>
      <c r="I8" s="9"/>
      <c r="J8" s="9"/>
    </row>
    <row r="9" spans="1:11" s="10" customFormat="1" ht="19.899999999999999" customHeight="1">
      <c r="A9" s="9" t="s">
        <v>63</v>
      </c>
      <c r="B9" s="10" t="s">
        <v>13</v>
      </c>
      <c r="C9" s="9" t="s">
        <v>83</v>
      </c>
      <c r="D9" s="11" t="s">
        <v>104</v>
      </c>
      <c r="E9" s="9">
        <v>50240</v>
      </c>
      <c r="F9" s="11" t="s">
        <v>17</v>
      </c>
      <c r="G9" s="9" t="s">
        <v>133</v>
      </c>
      <c r="H9" s="12" t="s">
        <v>153</v>
      </c>
      <c r="I9" s="9" t="s">
        <v>32</v>
      </c>
      <c r="J9" s="9"/>
    </row>
    <row r="10" spans="1:11" s="10" customFormat="1" ht="19.899999999999999" customHeight="1">
      <c r="A10" s="9" t="s">
        <v>37</v>
      </c>
      <c r="B10" s="10" t="s">
        <v>13</v>
      </c>
      <c r="C10" s="9" t="s">
        <v>38</v>
      </c>
      <c r="D10" s="11" t="s">
        <v>39</v>
      </c>
      <c r="E10" s="9">
        <v>10570</v>
      </c>
      <c r="F10" s="11" t="s">
        <v>41</v>
      </c>
      <c r="G10" s="9" t="s">
        <v>40</v>
      </c>
      <c r="H10" s="12" t="s">
        <v>42</v>
      </c>
      <c r="I10" s="9" t="s">
        <v>43</v>
      </c>
      <c r="J10" s="9"/>
    </row>
    <row r="11" spans="1:11" s="10" customFormat="1" ht="19.899999999999999" customHeight="1">
      <c r="A11" s="9" t="s">
        <v>64</v>
      </c>
      <c r="B11" s="10" t="s">
        <v>13</v>
      </c>
      <c r="C11" s="9" t="s">
        <v>84</v>
      </c>
      <c r="D11" s="11" t="s">
        <v>105</v>
      </c>
      <c r="E11" s="9">
        <v>32110</v>
      </c>
      <c r="F11" s="11" t="s">
        <v>124</v>
      </c>
      <c r="G11" s="9" t="s">
        <v>134</v>
      </c>
      <c r="H11" s="9" t="s">
        <v>134</v>
      </c>
      <c r="I11" s="9" t="s">
        <v>157</v>
      </c>
      <c r="J11" s="9"/>
    </row>
    <row r="12" spans="1:11" s="10" customFormat="1" ht="19.899999999999999" customHeight="1">
      <c r="A12" s="9" t="s">
        <v>44</v>
      </c>
      <c r="B12" s="10" t="s">
        <v>13</v>
      </c>
      <c r="C12" s="9" t="s">
        <v>48</v>
      </c>
      <c r="D12" s="11" t="s">
        <v>50</v>
      </c>
      <c r="E12" s="9">
        <v>52240</v>
      </c>
      <c r="F12" s="11" t="s">
        <v>28</v>
      </c>
      <c r="G12" s="9" t="s">
        <v>54</v>
      </c>
      <c r="H12" s="9" t="s">
        <v>154</v>
      </c>
      <c r="I12" s="9" t="s">
        <v>158</v>
      </c>
      <c r="J12" s="9" t="s">
        <v>169</v>
      </c>
    </row>
    <row r="13" spans="1:11" s="10" customFormat="1" ht="19.899999999999999" customHeight="1">
      <c r="A13" s="12" t="s">
        <v>65</v>
      </c>
      <c r="B13" s="10" t="s">
        <v>13</v>
      </c>
      <c r="C13" s="9" t="s">
        <v>85</v>
      </c>
      <c r="D13" s="11" t="s">
        <v>106</v>
      </c>
      <c r="E13" s="9">
        <v>82120</v>
      </c>
      <c r="F13" s="11" t="s">
        <v>125</v>
      </c>
      <c r="G13" s="9" t="s">
        <v>135</v>
      </c>
      <c r="H13" s="9"/>
      <c r="I13" s="12" t="s">
        <v>65</v>
      </c>
      <c r="J13" s="9" t="s">
        <v>170</v>
      </c>
    </row>
    <row r="14" spans="1:11" s="10" customFormat="1" ht="19.899999999999999" customHeight="1">
      <c r="A14" s="12" t="s">
        <v>66</v>
      </c>
      <c r="B14" s="10" t="s">
        <v>13</v>
      </c>
      <c r="C14" s="9" t="s">
        <v>86</v>
      </c>
      <c r="D14" s="11" t="s">
        <v>107</v>
      </c>
      <c r="E14" s="9">
        <v>12170</v>
      </c>
      <c r="F14" s="11" t="s">
        <v>14</v>
      </c>
      <c r="G14" s="9" t="s">
        <v>136</v>
      </c>
      <c r="H14" s="9" t="s">
        <v>136</v>
      </c>
      <c r="I14" s="12"/>
      <c r="J14" s="9"/>
    </row>
    <row r="15" spans="1:11" s="10" customFormat="1" ht="19.899999999999999" customHeight="1">
      <c r="A15" s="12" t="s">
        <v>67</v>
      </c>
      <c r="B15" s="10" t="s">
        <v>13</v>
      </c>
      <c r="C15" s="9" t="s">
        <v>87</v>
      </c>
      <c r="D15" s="11" t="s">
        <v>108</v>
      </c>
      <c r="E15" s="9">
        <v>43100</v>
      </c>
      <c r="F15" s="11" t="s">
        <v>126</v>
      </c>
      <c r="G15" s="9" t="s">
        <v>137</v>
      </c>
      <c r="H15" s="9" t="s">
        <v>155</v>
      </c>
      <c r="I15" s="12"/>
      <c r="J15" s="9"/>
    </row>
    <row r="16" spans="1:11" s="10" customFormat="1" ht="19.899999999999999" customHeight="1">
      <c r="A16" s="12" t="s">
        <v>65</v>
      </c>
      <c r="B16" s="10" t="s">
        <v>13</v>
      </c>
      <c r="C16" s="9" t="s">
        <v>85</v>
      </c>
      <c r="D16" s="11" t="s">
        <v>106</v>
      </c>
      <c r="E16" s="9">
        <v>82120</v>
      </c>
      <c r="F16" s="11" t="s">
        <v>125</v>
      </c>
      <c r="G16" s="9" t="s">
        <v>135</v>
      </c>
      <c r="H16" s="9"/>
      <c r="I16" s="12" t="s">
        <v>65</v>
      </c>
      <c r="J16" s="9" t="s">
        <v>170</v>
      </c>
    </row>
    <row r="17" spans="1:10" s="10" customFormat="1" ht="19.899999999999999" customHeight="1">
      <c r="A17" s="12" t="s">
        <v>46</v>
      </c>
      <c r="B17" s="10" t="s">
        <v>13</v>
      </c>
      <c r="C17" s="9" t="s">
        <v>34</v>
      </c>
      <c r="D17" s="11" t="s">
        <v>52</v>
      </c>
      <c r="E17" s="9">
        <v>93150</v>
      </c>
      <c r="F17" s="11" t="s">
        <v>35</v>
      </c>
      <c r="G17" s="9" t="s">
        <v>56</v>
      </c>
      <c r="H17" s="9" t="s">
        <v>56</v>
      </c>
      <c r="I17" s="12" t="s">
        <v>33</v>
      </c>
      <c r="J17" s="9" t="s">
        <v>36</v>
      </c>
    </row>
    <row r="18" spans="1:10" s="10" customFormat="1" ht="19.899999999999999" customHeight="1">
      <c r="A18" s="12" t="s">
        <v>68</v>
      </c>
      <c r="B18" s="10" t="s">
        <v>13</v>
      </c>
      <c r="C18" s="9" t="s">
        <v>88</v>
      </c>
      <c r="D18" s="11" t="s">
        <v>109</v>
      </c>
      <c r="E18" s="9">
        <v>80180</v>
      </c>
      <c r="F18" s="11" t="s">
        <v>24</v>
      </c>
      <c r="G18" s="9" t="s">
        <v>138</v>
      </c>
      <c r="H18" s="9"/>
      <c r="I18" s="12"/>
      <c r="J18" s="9"/>
    </row>
    <row r="19" spans="1:10" s="10" customFormat="1" ht="19.899999999999999" customHeight="1">
      <c r="A19" s="12" t="s">
        <v>69</v>
      </c>
      <c r="B19" s="10" t="s">
        <v>13</v>
      </c>
      <c r="C19" s="9" t="s">
        <v>89</v>
      </c>
      <c r="D19" s="11" t="s">
        <v>110</v>
      </c>
      <c r="E19" s="9">
        <v>45250</v>
      </c>
      <c r="F19" s="11" t="s">
        <v>15</v>
      </c>
      <c r="G19" s="9" t="s">
        <v>139</v>
      </c>
      <c r="H19" s="9"/>
      <c r="I19" s="12" t="s">
        <v>159</v>
      </c>
      <c r="J19" s="9"/>
    </row>
    <row r="20" spans="1:10" s="10" customFormat="1" ht="19.899999999999999" customHeight="1">
      <c r="A20" s="12" t="s">
        <v>70</v>
      </c>
      <c r="B20" s="10" t="s">
        <v>13</v>
      </c>
      <c r="C20" s="9" t="s">
        <v>90</v>
      </c>
      <c r="D20" s="11" t="s">
        <v>111</v>
      </c>
      <c r="E20" s="9">
        <v>40330</v>
      </c>
      <c r="F20" s="11" t="s">
        <v>29</v>
      </c>
      <c r="G20" s="9" t="s">
        <v>140</v>
      </c>
      <c r="H20" s="9"/>
      <c r="I20" s="12"/>
      <c r="J20" s="9"/>
    </row>
    <row r="21" spans="1:10" s="10" customFormat="1" ht="19.899999999999999" customHeight="1">
      <c r="A21" s="12" t="s">
        <v>18</v>
      </c>
      <c r="B21" s="10" t="s">
        <v>13</v>
      </c>
      <c r="C21" s="9" t="s">
        <v>21</v>
      </c>
      <c r="D21" s="11" t="s">
        <v>112</v>
      </c>
      <c r="E21" s="9">
        <v>40000</v>
      </c>
      <c r="F21" s="11" t="s">
        <v>29</v>
      </c>
      <c r="G21" s="9" t="s">
        <v>57</v>
      </c>
      <c r="H21" s="9" t="s">
        <v>31</v>
      </c>
      <c r="I21" s="12"/>
      <c r="J21" s="9"/>
    </row>
    <row r="22" spans="1:10" s="10" customFormat="1" ht="19.899999999999999" customHeight="1">
      <c r="A22" s="12" t="s">
        <v>71</v>
      </c>
      <c r="B22" s="10" t="s">
        <v>13</v>
      </c>
      <c r="C22" s="9" t="s">
        <v>91</v>
      </c>
      <c r="D22" s="11" t="s">
        <v>113</v>
      </c>
      <c r="E22" s="9">
        <v>36000</v>
      </c>
      <c r="F22" s="11" t="s">
        <v>127</v>
      </c>
      <c r="G22" s="9" t="s">
        <v>141</v>
      </c>
      <c r="H22" s="9"/>
      <c r="I22" s="12"/>
      <c r="J22" s="9"/>
    </row>
    <row r="23" spans="1:10" s="10" customFormat="1" ht="19.899999999999999" customHeight="1">
      <c r="A23" s="12" t="s">
        <v>45</v>
      </c>
      <c r="B23" s="10" t="s">
        <v>13</v>
      </c>
      <c r="C23" s="9" t="s">
        <v>49</v>
      </c>
      <c r="D23" s="11" t="s">
        <v>51</v>
      </c>
      <c r="E23" s="9">
        <v>30120</v>
      </c>
      <c r="F23" s="11" t="s">
        <v>25</v>
      </c>
      <c r="G23" s="9" t="s">
        <v>55</v>
      </c>
      <c r="H23" s="9" t="s">
        <v>55</v>
      </c>
      <c r="I23" s="12" t="s">
        <v>160</v>
      </c>
      <c r="J23" s="9" t="s">
        <v>171</v>
      </c>
    </row>
    <row r="24" spans="1:10" s="10" customFormat="1" ht="19.899999999999999" customHeight="1">
      <c r="A24" s="12" t="s">
        <v>72</v>
      </c>
      <c r="B24" s="10" t="s">
        <v>13</v>
      </c>
      <c r="C24" s="9" t="s">
        <v>92</v>
      </c>
      <c r="D24" s="11" t="s">
        <v>114</v>
      </c>
      <c r="E24" s="9">
        <v>34160</v>
      </c>
      <c r="F24" s="11" t="s">
        <v>58</v>
      </c>
      <c r="G24" s="9" t="s">
        <v>142</v>
      </c>
      <c r="H24" s="9"/>
      <c r="I24" s="12"/>
      <c r="J24" s="9"/>
    </row>
    <row r="25" spans="1:10" s="10" customFormat="1" ht="19.899999999999999" customHeight="1">
      <c r="A25" s="12" t="s">
        <v>73</v>
      </c>
      <c r="B25" s="10" t="s">
        <v>13</v>
      </c>
      <c r="C25" s="9" t="s">
        <v>93</v>
      </c>
      <c r="D25" s="11" t="s">
        <v>115</v>
      </c>
      <c r="E25" s="9">
        <v>52240</v>
      </c>
      <c r="F25" s="11" t="s">
        <v>28</v>
      </c>
      <c r="G25" s="9" t="s">
        <v>143</v>
      </c>
      <c r="H25" s="9"/>
      <c r="I25" s="12" t="s">
        <v>161</v>
      </c>
      <c r="J25" s="9"/>
    </row>
    <row r="26" spans="1:10" s="10" customFormat="1" ht="19.899999999999999" customHeight="1">
      <c r="A26" s="12" t="s">
        <v>74</v>
      </c>
      <c r="B26" s="10" t="s">
        <v>13</v>
      </c>
      <c r="C26" s="9" t="s">
        <v>94</v>
      </c>
      <c r="D26" s="11" t="s">
        <v>116</v>
      </c>
      <c r="E26" s="9">
        <v>55180</v>
      </c>
      <c r="F26" s="11" t="s">
        <v>16</v>
      </c>
      <c r="G26" s="9" t="s">
        <v>144</v>
      </c>
      <c r="H26" s="9"/>
      <c r="I26" s="12" t="s">
        <v>162</v>
      </c>
      <c r="J26" s="9"/>
    </row>
    <row r="27" spans="1:10" s="10" customFormat="1" ht="19.899999999999999" customHeight="1">
      <c r="A27" s="12" t="s">
        <v>75</v>
      </c>
      <c r="B27" s="10" t="s">
        <v>13</v>
      </c>
      <c r="C27" s="9" t="s">
        <v>95</v>
      </c>
      <c r="D27" s="11" t="s">
        <v>117</v>
      </c>
      <c r="E27" s="9">
        <v>34220</v>
      </c>
      <c r="F27" s="11" t="s">
        <v>26</v>
      </c>
      <c r="G27" s="9" t="s">
        <v>145</v>
      </c>
      <c r="H27" s="9"/>
      <c r="I27" s="12" t="s">
        <v>163</v>
      </c>
      <c r="J27" s="9"/>
    </row>
    <row r="28" spans="1:10" s="10" customFormat="1" ht="19.899999999999999" customHeight="1">
      <c r="A28" s="12" t="s">
        <v>76</v>
      </c>
      <c r="B28" s="10" t="s">
        <v>13</v>
      </c>
      <c r="C28" s="9" t="s">
        <v>96</v>
      </c>
      <c r="D28" s="11" t="s">
        <v>118</v>
      </c>
      <c r="E28" s="9">
        <v>75000</v>
      </c>
      <c r="F28" s="11" t="s">
        <v>128</v>
      </c>
      <c r="G28" s="9" t="s">
        <v>146</v>
      </c>
      <c r="H28" s="9"/>
      <c r="I28" s="12" t="s">
        <v>164</v>
      </c>
      <c r="J28" s="9" t="s">
        <v>172</v>
      </c>
    </row>
    <row r="29" spans="1:10" s="10" customFormat="1" ht="19.899999999999999" customHeight="1">
      <c r="A29" s="12" t="s">
        <v>77</v>
      </c>
      <c r="B29" s="10" t="s">
        <v>13</v>
      </c>
      <c r="C29" s="9" t="s">
        <v>20</v>
      </c>
      <c r="D29" s="11" t="s">
        <v>119</v>
      </c>
      <c r="E29" s="9">
        <v>96120</v>
      </c>
      <c r="F29" s="11" t="s">
        <v>27</v>
      </c>
      <c r="G29" s="9" t="s">
        <v>147</v>
      </c>
      <c r="H29" s="9" t="s">
        <v>156</v>
      </c>
      <c r="I29" s="12" t="s">
        <v>165</v>
      </c>
      <c r="J29" s="11" t="s">
        <v>173</v>
      </c>
    </row>
    <row r="30" spans="1:10" s="10" customFormat="1" ht="19.899999999999999" customHeight="1">
      <c r="A30" s="12" t="s">
        <v>78</v>
      </c>
      <c r="B30" s="10" t="s">
        <v>13</v>
      </c>
      <c r="C30" s="9" t="s">
        <v>97</v>
      </c>
      <c r="D30" s="11" t="s">
        <v>120</v>
      </c>
      <c r="E30" s="9">
        <v>10550</v>
      </c>
      <c r="F30" s="11" t="s">
        <v>41</v>
      </c>
      <c r="G30" s="9" t="s">
        <v>148</v>
      </c>
      <c r="H30" s="9"/>
      <c r="I30" s="12" t="s">
        <v>166</v>
      </c>
      <c r="J30" s="9"/>
    </row>
    <row r="31" spans="1:10" s="10" customFormat="1" ht="19.899999999999999" customHeight="1">
      <c r="A31" s="12" t="s">
        <v>79</v>
      </c>
      <c r="B31" s="10" t="s">
        <v>13</v>
      </c>
      <c r="C31" s="9" t="s">
        <v>98</v>
      </c>
      <c r="D31" s="11" t="s">
        <v>121</v>
      </c>
      <c r="E31" s="9">
        <v>73170</v>
      </c>
      <c r="F31" s="11" t="s">
        <v>129</v>
      </c>
      <c r="G31" s="9" t="s">
        <v>149</v>
      </c>
      <c r="H31" s="9"/>
      <c r="I31" s="12" t="s">
        <v>167</v>
      </c>
      <c r="J31" s="9"/>
    </row>
    <row r="32" spans="1:10" s="10" customFormat="1" ht="19.899999999999999" customHeight="1">
      <c r="A32" s="12" t="s">
        <v>80</v>
      </c>
      <c r="B32" s="10" t="s">
        <v>13</v>
      </c>
      <c r="C32" s="9" t="s">
        <v>99</v>
      </c>
      <c r="D32" s="11" t="s">
        <v>122</v>
      </c>
      <c r="E32" s="9">
        <v>73130</v>
      </c>
      <c r="F32" s="11" t="s">
        <v>129</v>
      </c>
      <c r="G32" s="9" t="s">
        <v>150</v>
      </c>
      <c r="H32" s="9"/>
      <c r="I32" s="12" t="s">
        <v>168</v>
      </c>
      <c r="J32" s="9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8:16:03Z</dcterms:modified>
</cp:coreProperties>
</file>